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9200" windowHeight="11610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Fill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5"/>
  <sheetViews>
    <sheetView tabSelected="1" zoomScale="80" zoomScaleNormal="80" workbookViewId="0">
      <selection activeCell="M1" sqref="M1:W1"/>
    </sheetView>
  </sheetViews>
  <sheetFormatPr defaultColWidth="9" defaultRowHeight="13.5"/>
  <cols>
    <col min="1" max="1" width="3.625" style="1" customWidth="1"/>
    <col min="2" max="7" width="5.625" style="2" customWidth="1"/>
    <col min="8" max="8" width="6.375" style="2" customWidth="1"/>
    <col min="9" max="16" width="5.625" style="2" customWidth="1"/>
    <col min="17" max="17" width="6.625" style="2" customWidth="1"/>
    <col min="18" max="25" width="5.625" style="2" customWidth="1"/>
    <col min="26" max="28" width="6.625" style="2" customWidth="1"/>
    <col min="29" max="32" width="8.625" style="2" customWidth="1"/>
    <col min="33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5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3</v>
      </c>
      <c r="V3" s="11" t="s">
        <v>3</v>
      </c>
      <c r="W3" s="11"/>
    </row>
    <row r="4" spans="1:32" ht="24.95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5" customHeight="1">
      <c r="L5" s="11"/>
      <c r="M5" s="12" t="s">
        <v>4</v>
      </c>
      <c r="N5" s="12"/>
      <c r="O5" s="12"/>
      <c r="P5" s="11"/>
      <c r="Q5" s="11"/>
      <c r="R5" s="13">
        <v>184071</v>
      </c>
      <c r="S5" s="13"/>
      <c r="T5" s="13"/>
      <c r="U5" s="14"/>
      <c r="V5" s="15" t="s">
        <v>4</v>
      </c>
      <c r="W5" s="11"/>
    </row>
    <row r="6" spans="1:32" ht="24.95" customHeight="1">
      <c r="L6" s="11"/>
      <c r="M6" s="12" t="s">
        <v>5</v>
      </c>
      <c r="N6" s="12"/>
      <c r="O6" s="12"/>
      <c r="P6" s="11"/>
      <c r="Q6" s="11"/>
      <c r="R6" s="13">
        <v>407542</v>
      </c>
      <c r="S6" s="13"/>
      <c r="T6" s="13"/>
      <c r="U6" s="16"/>
      <c r="V6" s="15" t="s">
        <v>6</v>
      </c>
      <c r="W6" s="11"/>
    </row>
    <row r="7" spans="1:32" ht="24.95" customHeight="1">
      <c r="L7" s="11"/>
      <c r="M7" s="11"/>
      <c r="N7" s="15" t="s">
        <v>7</v>
      </c>
      <c r="O7" s="11"/>
      <c r="P7" s="11"/>
      <c r="Q7" s="11"/>
      <c r="R7" s="13">
        <v>198751</v>
      </c>
      <c r="S7" s="13"/>
      <c r="T7" s="13"/>
      <c r="U7" s="16"/>
      <c r="V7" s="15" t="s">
        <v>6</v>
      </c>
      <c r="W7" s="11"/>
    </row>
    <row r="8" spans="1:32" ht="24.95" customHeight="1">
      <c r="L8" s="11"/>
      <c r="M8" s="11"/>
      <c r="N8" s="15" t="s">
        <v>8</v>
      </c>
      <c r="O8" s="11"/>
      <c r="P8" s="11"/>
      <c r="Q8" s="11"/>
      <c r="R8" s="13">
        <v>208791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5" customHeight="1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5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5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5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9" t="s">
        <v>29</v>
      </c>
      <c r="AE29" s="68" t="s">
        <v>29</v>
      </c>
      <c r="AF29" s="70">
        <v>0</v>
      </c>
    </row>
    <row r="30" spans="1:32" ht="20.100000000000001" customHeight="1">
      <c r="A30" s="45" t="s">
        <v>24</v>
      </c>
      <c r="B30" s="71">
        <v>300</v>
      </c>
      <c r="C30" s="71">
        <v>301</v>
      </c>
      <c r="D30" s="71">
        <v>601</v>
      </c>
      <c r="E30" s="71">
        <v>815</v>
      </c>
      <c r="F30" s="71">
        <v>850</v>
      </c>
      <c r="G30" s="71">
        <v>1665</v>
      </c>
      <c r="H30" s="71">
        <v>-1064</v>
      </c>
      <c r="I30" s="71">
        <v>1149</v>
      </c>
      <c r="J30" s="71">
        <v>437</v>
      </c>
      <c r="K30" s="71">
        <v>458</v>
      </c>
      <c r="L30" s="71">
        <v>895</v>
      </c>
      <c r="M30" s="71">
        <v>1940</v>
      </c>
      <c r="N30" s="71">
        <v>1633</v>
      </c>
      <c r="O30" s="71">
        <v>1220</v>
      </c>
      <c r="P30" s="71">
        <v>2853</v>
      </c>
      <c r="Q30" s="71">
        <v>3748</v>
      </c>
      <c r="R30" s="71">
        <v>1480</v>
      </c>
      <c r="S30" s="71">
        <v>535</v>
      </c>
      <c r="T30" s="71">
        <v>437</v>
      </c>
      <c r="U30" s="71">
        <v>972</v>
      </c>
      <c r="V30" s="71">
        <v>1574</v>
      </c>
      <c r="W30" s="71">
        <v>1857</v>
      </c>
      <c r="X30" s="71">
        <v>1388</v>
      </c>
      <c r="Y30" s="71">
        <v>3245</v>
      </c>
      <c r="Z30" s="71">
        <v>4217</v>
      </c>
      <c r="AA30" s="71">
        <v>-469</v>
      </c>
      <c r="AB30" s="71">
        <v>-1533</v>
      </c>
      <c r="AC30" s="72"/>
      <c r="AD30" s="72"/>
      <c r="AE30" s="72"/>
      <c r="AF30" s="73"/>
    </row>
    <row r="31" spans="1:32">
      <c r="H31" s="74"/>
      <c r="I31" s="74"/>
      <c r="J31" s="74"/>
      <c r="K31" s="74"/>
      <c r="L31" s="74"/>
      <c r="M31" s="74"/>
      <c r="N31" s="74"/>
      <c r="O31" s="74"/>
      <c r="P31" s="74"/>
      <c r="Q31" s="74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</row>
    <row r="32" spans="1:32">
      <c r="B32" s="75" t="s">
        <v>30</v>
      </c>
      <c r="E32" s="74"/>
      <c r="F32" s="74"/>
      <c r="G32" s="74"/>
      <c r="H32" s="74"/>
      <c r="I32" s="74"/>
      <c r="J32" s="74"/>
      <c r="K32" s="74"/>
      <c r="L32" s="74"/>
      <c r="M32" s="74"/>
      <c r="N32" s="74"/>
      <c r="O32" s="74"/>
      <c r="P32" s="74"/>
      <c r="Q32" s="74"/>
      <c r="R32" s="74"/>
      <c r="S32" s="74"/>
      <c r="T32" s="74"/>
      <c r="U32" s="74"/>
      <c r="V32" s="74"/>
      <c r="W32" s="74"/>
      <c r="X32" s="74"/>
      <c r="Y32" s="74"/>
      <c r="AA32" s="74"/>
      <c r="AB32" s="76"/>
      <c r="AC32" s="76"/>
      <c r="AD32" s="76"/>
      <c r="AE32" s="76"/>
      <c r="AF32" s="76"/>
    </row>
    <row r="33" spans="2:2">
      <c r="B33" s="75" t="s">
        <v>31</v>
      </c>
    </row>
    <row r="34" spans="2:2">
      <c r="B34" s="75" t="s">
        <v>32</v>
      </c>
    </row>
    <row r="35" spans="2:2">
      <c r="B35" s="75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8:52:18Z</dcterms:created>
  <dcterms:modified xsi:type="dcterms:W3CDTF">2023-04-04T08:52:19Z</dcterms:modified>
</cp:coreProperties>
</file>